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D1D263C6-A5AB-4AB7-B23E-3322E4780725}" xr6:coauthVersionLast="45" xr6:coauthVersionMax="45" xr10:uidLastSave="{00000000-0000-0000-0000-000000000000}"/>
  <bookViews>
    <workbookView xWindow="4150" yWindow="1580" windowWidth="17170" windowHeight="995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701" uniqueCount="272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</fills>
  <borders count="11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31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50"/>
  <sheetViews>
    <sheetView showGridLines="0" tabSelected="1" topLeftCell="R34" workbookViewId="0">
      <selection activeCell="W34" sqref="W34"/>
    </sheetView>
  </sheetViews>
  <sheetFormatPr defaultColWidth="16.36328125" defaultRowHeight="19.899999999999999" customHeight="1"/>
  <cols>
    <col min="1" max="3" width="16.36328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4" width="16.36328125" style="1" customWidth="1"/>
    <col min="25" max="16384" width="16.36328125" style="1"/>
  </cols>
  <sheetData>
    <row r="1" spans="1:23" ht="30.15" customHeight="1">
      <c r="A1" s="28" t="s">
        <v>0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  <c r="R1" s="29"/>
      <c r="S1" s="29"/>
      <c r="T1" s="29"/>
      <c r="U1" s="29"/>
      <c r="V1" s="29"/>
      <c r="W1" s="30"/>
    </row>
    <row r="2" spans="1:23" ht="22.25" customHeight="1">
      <c r="A2" s="26" t="s">
        <v>1</v>
      </c>
      <c r="B2" s="26" t="s">
        <v>2</v>
      </c>
      <c r="C2" s="26" t="s">
        <v>3</v>
      </c>
      <c r="D2" s="26" t="s">
        <v>4</v>
      </c>
      <c r="E2" s="26" t="s">
        <v>5</v>
      </c>
      <c r="F2" s="26" t="s">
        <v>6</v>
      </c>
      <c r="G2" s="26" t="s">
        <v>7</v>
      </c>
      <c r="H2" s="26" t="s">
        <v>8</v>
      </c>
      <c r="I2" s="27"/>
      <c r="J2" s="27"/>
      <c r="K2" s="26" t="s">
        <v>9</v>
      </c>
      <c r="L2" s="27"/>
      <c r="M2" s="27"/>
      <c r="N2" s="26" t="s">
        <v>10</v>
      </c>
      <c r="O2" s="26" t="s">
        <v>11</v>
      </c>
      <c r="P2" s="26" t="s">
        <v>12</v>
      </c>
      <c r="Q2" s="26" t="s">
        <v>13</v>
      </c>
      <c r="R2" s="26" t="s">
        <v>14</v>
      </c>
      <c r="S2" s="26" t="s">
        <v>15</v>
      </c>
      <c r="T2" s="27"/>
      <c r="U2" s="27"/>
      <c r="V2" s="26" t="s">
        <v>16</v>
      </c>
      <c r="W2" s="26" t="s">
        <v>17</v>
      </c>
    </row>
    <row r="3" spans="1:23" ht="22.25" customHeight="1">
      <c r="A3" s="27"/>
      <c r="B3" s="27"/>
      <c r="C3" s="27"/>
      <c r="D3" s="27"/>
      <c r="E3" s="27"/>
      <c r="F3" s="27"/>
      <c r="G3" s="2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27"/>
      <c r="O3" s="27"/>
      <c r="P3" s="27"/>
      <c r="Q3" s="27"/>
      <c r="R3" s="27"/>
      <c r="S3" s="2" t="s">
        <v>24</v>
      </c>
      <c r="T3" s="2" t="s">
        <v>25</v>
      </c>
      <c r="U3" s="2" t="s">
        <v>26</v>
      </c>
      <c r="V3" s="27"/>
      <c r="W3" s="27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</sheetData>
  <mergeCells count="18"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  <mergeCell ref="V2:V3"/>
    <mergeCell ref="W2:W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1T03:32:03Z</dcterms:modified>
</cp:coreProperties>
</file>